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61" r:id="rId2"/>
    <p:sldId id="267" r:id="rId3"/>
    <p:sldId id="268" r:id="rId4"/>
    <p:sldId id="262" r:id="rId5"/>
    <p:sldId id="258" r:id="rId6"/>
    <p:sldId id="265" r:id="rId7"/>
    <p:sldId id="266" r:id="rId8"/>
    <p:sldId id="269" r:id="rId9"/>
    <p:sldId id="271" r:id="rId10"/>
    <p:sldId id="272" r:id="rId11"/>
    <p:sldId id="273" r:id="rId12"/>
    <p:sldId id="274" r:id="rId13"/>
    <p:sldId id="260" r:id="rId14"/>
  </p:sldIdLst>
  <p:sldSz cx="12188825" cy="6858000"/>
  <p:notesSz cx="6797675" cy="9926638"/>
  <p:embeddedFontLst>
    <p:embeddedFont>
      <p:font typeface="AU Passata" panose="020B0604020202020204" charset="0"/>
      <p:regular r:id="rId17"/>
      <p:bold r:id="rId18"/>
    </p:embeddedFont>
    <p:embeddedFont>
      <p:font typeface="AU Passata Light" panose="020B0604020202020204" charset="0"/>
      <p:regular r:id="rId19"/>
      <p:bold r:id="rId20"/>
    </p:embeddedFont>
    <p:embeddedFont>
      <p:font typeface="AU Peto" panose="020B0604020202020204" charset="0"/>
      <p:regular r:id="rId21"/>
      <p:bold r:id="rId22"/>
    </p:embeddedFon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Cambria Math" panose="02040503050406030204" pitchFamily="18" charset="0"/>
      <p:regular r:id="rId27"/>
    </p:embeddedFont>
    <p:embeddedFont>
      <p:font typeface="Georgia" panose="02040502050405020303" pitchFamily="18" charset="0"/>
      <p:regular r:id="rId28"/>
      <p:bold r:id="rId29"/>
      <p:italic r:id="rId30"/>
      <p:boldItalic r:id="rId31"/>
    </p:embeddedFont>
    <p:embeddedFont>
      <p:font typeface="Wingdings 3" panose="05040102010807070707" pitchFamily="18" charset="2"/>
      <p:regular r:id="rId3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98" d="100"/>
          <a:sy n="98" d="100"/>
        </p:scale>
        <p:origin x="102" y="22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font" Target="fonts/font5.fntdata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font" Target="fonts/font16.fntdata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theme" Target="theme/theme1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026593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4. marts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20-03-24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57271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 dirty="0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4. marts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20-03-24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6266994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4. marts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20-03-24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3166461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dirty="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2020133738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020-03-24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Tim Tørnes Pe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4. marts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Videnskabelig assist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6-03-2020</a:t>
            </a:fld>
            <a:r>
              <a:rPr lang="da-DK" dirty="0"/>
              <a:t>24-03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Historisk Spot + </a:t>
            </a:r>
            <a:r>
              <a:rPr lang="da-DK" dirty="0" err="1"/>
              <a:t>mfrr</a:t>
            </a:r>
            <a:r>
              <a:rPr lang="da-DK" dirty="0"/>
              <a:t> markeds model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93A284C-FF9C-49FC-BC51-63F748E741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sultater – Individuelle teknologier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FB2A47-1F02-4A06-B274-7B3BD48FE3C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Forskel mellem de to studier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E208B3-2BDE-4ADE-ABCF-5850C1EE45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A67DBE-E65C-4853-A2B2-6765C20F9731}" type="datetime1">
              <a:rPr lang="da-DK" smtClean="0"/>
              <a:t>26-03-2020</a:t>
            </a:fld>
            <a:r>
              <a:rPr lang="da-DK"/>
              <a:t>24-03-2020</a:t>
            </a:r>
            <a:endParaRPr lang="da-DK" dirty="0"/>
          </a:p>
        </p:txBody>
      </p:sp>
      <p:graphicFrame>
        <p:nvGraphicFramePr>
          <p:cNvPr id="5" name="Table 8">
            <a:extLst>
              <a:ext uri="{FF2B5EF4-FFF2-40B4-BE49-F238E27FC236}">
                <a16:creationId xmlns:a16="http://schemas.microsoft.com/office/drawing/2014/main" id="{DB83E44A-E1D1-4F0C-BB7C-6E0E566B021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23353117"/>
              </p:ext>
            </p:extLst>
          </p:nvPr>
        </p:nvGraphicFramePr>
        <p:xfrm>
          <a:off x="1517986" y="2276872"/>
          <a:ext cx="9151854" cy="338474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25309">
                  <a:extLst>
                    <a:ext uri="{9D8B030D-6E8A-4147-A177-3AD203B41FA5}">
                      <a16:colId xmlns:a16="http://schemas.microsoft.com/office/drawing/2014/main" val="2950168415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6713509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97441767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3923243502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218633082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00140860"/>
                    </a:ext>
                  </a:extLst>
                </a:gridCol>
              </a:tblGrid>
              <a:tr h="647129">
                <a:tc>
                  <a:txBody>
                    <a:bodyPr/>
                    <a:lstStyle/>
                    <a:p>
                      <a:r>
                        <a:rPr lang="da-DK" dirty="0"/>
                        <a:t>[DKK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Investering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Spot marked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 err="1"/>
                        <a:t>mFRR</a:t>
                      </a:r>
                      <a:r>
                        <a:rPr lang="da-DK" dirty="0"/>
                        <a:t> marked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Sekundære markeder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Total</a:t>
                      </a:r>
                    </a:p>
                    <a:p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1738471"/>
                  </a:ext>
                </a:extLst>
              </a:tr>
              <a:tr h="524817">
                <a:tc>
                  <a:txBody>
                    <a:bodyPr/>
                    <a:lstStyle/>
                    <a:p>
                      <a:r>
                        <a:rPr lang="da-DK" dirty="0"/>
                        <a:t>Vindturbin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3.2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7.19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3.97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4631106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Solcel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3744402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Elked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26.51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41.39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3.75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8.52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79353880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Elektrolyse anlæ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62.3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5.85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54.50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8.04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85642902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Batter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7398916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69077334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33D447-B8C6-4635-A33A-F7E6BE41AE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sultater – Portefølje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04324C-224C-4D92-9B3F-D56F8786C50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I dette studie er modellen fået 1M DKK (årlige investerings omkostninger) at investere for. Modellen har så optimeret portefølje sammensætningen og drift for at maksimere profit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5393EC0-5091-4536-A402-9DD1724856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4429D9-B22C-46BF-B48A-C38FB1C31E93}" type="datetime1">
              <a:rPr lang="da-DK" smtClean="0"/>
              <a:t>26-03-2020</a:t>
            </a:fld>
            <a:r>
              <a:rPr lang="da-DK"/>
              <a:t>24-03-2020</a:t>
            </a:r>
            <a:endParaRPr lang="da-DK" dirty="0"/>
          </a:p>
        </p:txBody>
      </p:sp>
      <p:graphicFrame>
        <p:nvGraphicFramePr>
          <p:cNvPr id="5" name="Table 8">
            <a:extLst>
              <a:ext uri="{FF2B5EF4-FFF2-40B4-BE49-F238E27FC236}">
                <a16:creationId xmlns:a16="http://schemas.microsoft.com/office/drawing/2014/main" id="{6D51286C-5853-4FE8-87CB-C2B9CEF0833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1665714"/>
              </p:ext>
            </p:extLst>
          </p:nvPr>
        </p:nvGraphicFramePr>
        <p:xfrm>
          <a:off x="1517986" y="4063924"/>
          <a:ext cx="9151854" cy="168971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25309">
                  <a:extLst>
                    <a:ext uri="{9D8B030D-6E8A-4147-A177-3AD203B41FA5}">
                      <a16:colId xmlns:a16="http://schemas.microsoft.com/office/drawing/2014/main" val="2950168415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6713509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97441767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3923243502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218633082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00140860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da-DK" dirty="0"/>
                        <a:t>[DKK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Investering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Spot marked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 err="1"/>
                        <a:t>mFRR</a:t>
                      </a:r>
                      <a:r>
                        <a:rPr lang="da-DK" dirty="0"/>
                        <a:t> mark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Sekundære marke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Total</a:t>
                      </a:r>
                    </a:p>
                    <a:p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1738471"/>
                  </a:ext>
                </a:extLst>
              </a:tr>
              <a:tr h="524817">
                <a:tc>
                  <a:txBody>
                    <a:bodyPr/>
                    <a:lstStyle/>
                    <a:p>
                      <a:r>
                        <a:rPr lang="da-DK" dirty="0"/>
                        <a:t>Spo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1.000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50.7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.051.33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02.05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123043"/>
                  </a:ext>
                </a:extLst>
              </a:tr>
              <a:tr h="524817">
                <a:tc>
                  <a:txBody>
                    <a:bodyPr/>
                    <a:lstStyle/>
                    <a:p>
                      <a:r>
                        <a:rPr lang="da-DK" dirty="0"/>
                        <a:t>Spot + </a:t>
                      </a:r>
                      <a:r>
                        <a:rPr lang="da-DK" dirty="0" err="1"/>
                        <a:t>mFRR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1.000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97.10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69.21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.058.77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25.09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4631106"/>
                  </a:ext>
                </a:extLst>
              </a:tr>
            </a:tbl>
          </a:graphicData>
        </a:graphic>
      </p:graphicFrame>
      <p:graphicFrame>
        <p:nvGraphicFramePr>
          <p:cNvPr id="6" name="Table 8">
            <a:extLst>
              <a:ext uri="{FF2B5EF4-FFF2-40B4-BE49-F238E27FC236}">
                <a16:creationId xmlns:a16="http://schemas.microsoft.com/office/drawing/2014/main" id="{0FF993E0-F877-4C93-9E83-2A18768718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46596154"/>
              </p:ext>
            </p:extLst>
          </p:nvPr>
        </p:nvGraphicFramePr>
        <p:xfrm>
          <a:off x="1517986" y="2388328"/>
          <a:ext cx="9151854" cy="150514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25309">
                  <a:extLst>
                    <a:ext uri="{9D8B030D-6E8A-4147-A177-3AD203B41FA5}">
                      <a16:colId xmlns:a16="http://schemas.microsoft.com/office/drawing/2014/main" val="2950168415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6713509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97441767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3923243502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218633082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00140860"/>
                    </a:ext>
                  </a:extLst>
                </a:gridCol>
              </a:tblGrid>
              <a:tr h="455512">
                <a:tc>
                  <a:txBody>
                    <a:bodyPr/>
                    <a:lstStyle/>
                    <a:p>
                      <a:r>
                        <a:rPr lang="da-DK" dirty="0"/>
                        <a:t>[MW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Vindturbiner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Solcel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Elkedler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Elektrolyse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Batteri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1738471"/>
                  </a:ext>
                </a:extLst>
              </a:tr>
              <a:tr h="524817">
                <a:tc>
                  <a:txBody>
                    <a:bodyPr/>
                    <a:lstStyle/>
                    <a:p>
                      <a:r>
                        <a:rPr lang="da-DK" dirty="0"/>
                        <a:t>Spot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.8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.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.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.4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39519063"/>
                  </a:ext>
                </a:extLst>
              </a:tr>
              <a:tr h="524817">
                <a:tc>
                  <a:txBody>
                    <a:bodyPr/>
                    <a:lstStyle/>
                    <a:p>
                      <a:r>
                        <a:rPr lang="da-DK" dirty="0"/>
                        <a:t>Spot + </a:t>
                      </a:r>
                      <a:r>
                        <a:rPr lang="da-DK" dirty="0" err="1"/>
                        <a:t>mFRR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.90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.5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.34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.4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463110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444995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3169D1-4D56-4395-ADA7-F42F540DE8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tsat arbejde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3832CB-AAF2-4226-8B85-E106DB15874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Inkorporation af FCR of </a:t>
            </a:r>
            <a:r>
              <a:rPr lang="da-DK" dirty="0" err="1"/>
              <a:t>aFRR</a:t>
            </a:r>
            <a:r>
              <a:rPr lang="da-DK" dirty="0"/>
              <a:t> markeder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Demand </a:t>
            </a:r>
            <a:r>
              <a:rPr lang="da-DK" dirty="0" err="1"/>
              <a:t>response</a:t>
            </a:r>
            <a:r>
              <a:rPr lang="da-DK" dirty="0"/>
              <a:t> 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69EBE1-B234-4B27-AE03-A04D460DD7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BDB5D-CC81-4617-AB48-D05D3EA9B41B}" type="datetime1">
              <a:rPr lang="da-DK" smtClean="0"/>
              <a:t>26-03-2020</a:t>
            </a:fld>
            <a:r>
              <a:rPr lang="da-DK"/>
              <a:t>24-03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2310628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00E053-F96C-4EE3-A015-6E514300A1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bli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483B0C-50E4-4284-B418-C5A0A630A2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Formål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Målet med modellen er at vurdere </a:t>
            </a:r>
            <a:r>
              <a:rPr lang="da-DK" u="sng" dirty="0"/>
              <a:t>hvor meget </a:t>
            </a:r>
            <a:r>
              <a:rPr lang="da-DK" dirty="0"/>
              <a:t>og </a:t>
            </a:r>
            <a:r>
              <a:rPr lang="da-DK" u="sng" dirty="0"/>
              <a:t>hvordan</a:t>
            </a:r>
            <a:r>
              <a:rPr lang="da-DK" dirty="0"/>
              <a:t> en portefølje af teknologier kan skabe værdi i henholdsvis Spot markedet og </a:t>
            </a:r>
            <a:r>
              <a:rPr lang="da-DK" dirty="0" err="1"/>
              <a:t>mFRR</a:t>
            </a:r>
            <a:r>
              <a:rPr lang="da-DK" dirty="0"/>
              <a:t> markedet, eller en kombination af de to.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Udførelse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er er udviklet en numerisk optimerings model, der kan investere i en portefølje af teknologier og deltage i spot og </a:t>
            </a:r>
            <a:r>
              <a:rPr lang="da-DK" dirty="0" err="1"/>
              <a:t>mFRR</a:t>
            </a:r>
            <a:r>
              <a:rPr lang="da-DK" dirty="0"/>
              <a:t> markedet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Modellen optimere porteføljen og driften således at profitten er maksimeret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Historisk markeds, vind og sol data er brugt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4847E6-36AA-4B3E-9B59-A37667CD30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9A2BD4-08C2-4DBB-BDC6-B0E7CB52BA1C}" type="datetime1">
              <a:rPr lang="da-DK" smtClean="0"/>
              <a:t>26-03-2020</a:t>
            </a:fld>
            <a:r>
              <a:rPr lang="da-DK"/>
              <a:t>24-03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37595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BAFAAC-7233-43BC-98A2-BF04E8C01E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/>
          <a:lstStyle/>
          <a:p>
            <a:r>
              <a:rPr lang="da-DK" dirty="0"/>
              <a:t>Overblik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620954-8B06-4A53-A620-7058ECC020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6E5CA0-3314-4112-97A6-08AB7CE9A4A6}" type="datetime1">
              <a:rPr lang="da-DK" smtClean="0"/>
              <a:t>26-03-2020</a:t>
            </a:fld>
            <a:r>
              <a:rPr lang="da-DK"/>
              <a:t>24-03-2020</a:t>
            </a:r>
            <a:endParaRPr lang="da-DK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EF663115-7DD4-4625-9BAE-FC4BFE35E1AF}"/>
              </a:ext>
            </a:extLst>
          </p:cNvPr>
          <p:cNvSpPr/>
          <p:nvPr/>
        </p:nvSpPr>
        <p:spPr bwMode="auto">
          <a:xfrm>
            <a:off x="549796" y="1700808"/>
            <a:ext cx="5340107" cy="4464496"/>
          </a:xfrm>
          <a:prstGeom prst="ellipse">
            <a:avLst/>
          </a:prstGeom>
          <a:solidFill>
            <a:schemeClr val="bg1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31CB772-0D0A-459D-948A-807FC933393E}"/>
              </a:ext>
            </a:extLst>
          </p:cNvPr>
          <p:cNvSpPr/>
          <p:nvPr/>
        </p:nvSpPr>
        <p:spPr bwMode="auto">
          <a:xfrm>
            <a:off x="7906127" y="260648"/>
            <a:ext cx="3168352" cy="130932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pot marked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5D037E95-8FB8-49B0-A4A7-12DC9110A38C}"/>
              </a:ext>
            </a:extLst>
          </p:cNvPr>
          <p:cNvSpPr/>
          <p:nvPr/>
        </p:nvSpPr>
        <p:spPr bwMode="auto">
          <a:xfrm>
            <a:off x="7906127" y="2407704"/>
            <a:ext cx="3168352" cy="130932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FRR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marked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(op regulering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CDBBFFB-ABF9-4AE8-92AF-85433CF1A306}"/>
              </a:ext>
            </a:extLst>
          </p:cNvPr>
          <p:cNvSpPr/>
          <p:nvPr/>
        </p:nvSpPr>
        <p:spPr bwMode="auto">
          <a:xfrm>
            <a:off x="7906127" y="4388478"/>
            <a:ext cx="3168352" cy="130932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ekundære markeder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(brint og fjernvarme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E51085CE-29EF-4B48-B6E8-ED2185117ED9}"/>
              </a:ext>
            </a:extLst>
          </p:cNvPr>
          <p:cNvSpPr/>
          <p:nvPr/>
        </p:nvSpPr>
        <p:spPr bwMode="auto">
          <a:xfrm>
            <a:off x="2205980" y="2393958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eneratorer 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89C299A2-D55F-4E4C-B6B3-241342DD965E}"/>
              </a:ext>
            </a:extLst>
          </p:cNvPr>
          <p:cNvSpPr/>
          <p:nvPr/>
        </p:nvSpPr>
        <p:spPr bwMode="auto">
          <a:xfrm>
            <a:off x="3626675" y="4140107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ower to X/ Fleksibel forbrug  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158E793A-4A32-422D-8F4D-81129DF5A8DC}"/>
              </a:ext>
            </a:extLst>
          </p:cNvPr>
          <p:cNvSpPr/>
          <p:nvPr/>
        </p:nvSpPr>
        <p:spPr bwMode="auto">
          <a:xfrm>
            <a:off x="926187" y="4140107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ager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CE6CC9A8-EC01-45E1-A5ED-F46EB45D1FD3}"/>
              </a:ext>
            </a:extLst>
          </p:cNvPr>
          <p:cNvCxnSpPr>
            <a:cxnSpLocks/>
          </p:cNvCxnSpPr>
          <p:nvPr/>
        </p:nvCxnSpPr>
        <p:spPr bwMode="auto">
          <a:xfrm flipV="1">
            <a:off x="5498883" y="1153685"/>
            <a:ext cx="2407245" cy="1574809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95AEE60-7FEB-4EDB-9E2A-D91C5603C46E}"/>
              </a:ext>
            </a:extLst>
          </p:cNvPr>
          <p:cNvCxnSpPr>
            <a:cxnSpLocks/>
            <a:endCxn id="7" idx="1"/>
          </p:cNvCxnSpPr>
          <p:nvPr/>
        </p:nvCxnSpPr>
        <p:spPr bwMode="auto">
          <a:xfrm flipV="1">
            <a:off x="5734372" y="3062368"/>
            <a:ext cx="2171755" cy="58447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D85961A2-A36C-40F3-AD02-9B8E06389E2D}"/>
              </a:ext>
            </a:extLst>
          </p:cNvPr>
          <p:cNvCxnSpPr>
            <a:cxnSpLocks/>
            <a:stCxn id="5" idx="6"/>
            <a:endCxn id="8" idx="1"/>
          </p:cNvCxnSpPr>
          <p:nvPr/>
        </p:nvCxnSpPr>
        <p:spPr bwMode="auto">
          <a:xfrm>
            <a:off x="5889903" y="3933056"/>
            <a:ext cx="2016224" cy="1110086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66A07D20-B9B4-4FA3-B739-96DA58640218}"/>
              </a:ext>
            </a:extLst>
          </p:cNvPr>
          <p:cNvCxnSpPr>
            <a:cxnSpLocks/>
            <a:stCxn id="9" idx="3"/>
            <a:endCxn id="11" idx="0"/>
          </p:cNvCxnSpPr>
          <p:nvPr/>
        </p:nvCxnSpPr>
        <p:spPr bwMode="auto">
          <a:xfrm flipH="1">
            <a:off x="1862291" y="3500286"/>
            <a:ext cx="617868" cy="63982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AD1F40AB-EB7B-4AD6-A3FB-55793B03BDBD}"/>
              </a:ext>
            </a:extLst>
          </p:cNvPr>
          <p:cNvCxnSpPr>
            <a:cxnSpLocks/>
            <a:stCxn id="9" idx="5"/>
            <a:endCxn id="10" idx="0"/>
          </p:cNvCxnSpPr>
          <p:nvPr/>
        </p:nvCxnSpPr>
        <p:spPr bwMode="auto">
          <a:xfrm>
            <a:off x="3804009" y="3500286"/>
            <a:ext cx="758770" cy="63982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52CF72C8-DEBF-4B0B-BB34-E0BDE05ED1DA}"/>
              </a:ext>
            </a:extLst>
          </p:cNvPr>
          <p:cNvCxnSpPr>
            <a:cxnSpLocks/>
            <a:stCxn id="11" idx="6"/>
            <a:endCxn id="10" idx="2"/>
          </p:cNvCxnSpPr>
          <p:nvPr/>
        </p:nvCxnSpPr>
        <p:spPr bwMode="auto">
          <a:xfrm>
            <a:off x="2798395" y="4788179"/>
            <a:ext cx="828280" cy="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41" name="TextBox 40">
            <a:extLst>
              <a:ext uri="{FF2B5EF4-FFF2-40B4-BE49-F238E27FC236}">
                <a16:creationId xmlns:a16="http://schemas.microsoft.com/office/drawing/2014/main" id="{233342A1-CF20-4EB5-B6B7-1E2AC99E76A0}"/>
              </a:ext>
            </a:extLst>
          </p:cNvPr>
          <p:cNvSpPr txBox="1"/>
          <p:nvPr/>
        </p:nvSpPr>
        <p:spPr>
          <a:xfrm rot="19612165">
            <a:off x="5310460" y="1230930"/>
            <a:ext cx="26289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arif 194 [DKK/MWh]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6999A680-2F19-4306-8CC1-D8C72F0B6EC2}"/>
              </a:ext>
            </a:extLst>
          </p:cNvPr>
          <p:cNvSpPr txBox="1"/>
          <p:nvPr/>
        </p:nvSpPr>
        <p:spPr>
          <a:xfrm>
            <a:off x="2449524" y="1860875"/>
            <a:ext cx="152602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600" dirty="0">
                <a:latin typeface="+mn-lt"/>
              </a:rPr>
              <a:t>Portefølje</a:t>
            </a:r>
          </a:p>
        </p:txBody>
      </p:sp>
      <p:cxnSp>
        <p:nvCxnSpPr>
          <p:cNvPr id="45" name="Straight Arrow Connector 44">
            <a:extLst>
              <a:ext uri="{FF2B5EF4-FFF2-40B4-BE49-F238E27FC236}">
                <a16:creationId xmlns:a16="http://schemas.microsoft.com/office/drawing/2014/main" id="{EFE8BE56-0906-4444-B939-1795B6404373}"/>
              </a:ext>
            </a:extLst>
          </p:cNvPr>
          <p:cNvCxnSpPr>
            <a:cxnSpLocks/>
          </p:cNvCxnSpPr>
          <p:nvPr/>
        </p:nvCxnSpPr>
        <p:spPr bwMode="auto">
          <a:xfrm flipH="1">
            <a:off x="5230316" y="667474"/>
            <a:ext cx="2675812" cy="1798677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50" name="TextBox 49">
            <a:extLst>
              <a:ext uri="{FF2B5EF4-FFF2-40B4-BE49-F238E27FC236}">
                <a16:creationId xmlns:a16="http://schemas.microsoft.com/office/drawing/2014/main" id="{68F845B8-F5C4-4FB1-B867-D9035632FB77}"/>
              </a:ext>
            </a:extLst>
          </p:cNvPr>
          <p:cNvSpPr txBox="1"/>
          <p:nvPr/>
        </p:nvSpPr>
        <p:spPr>
          <a:xfrm rot="19612165">
            <a:off x="5721869" y="1823251"/>
            <a:ext cx="26289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arif 4 [DKK/MWh]</a:t>
            </a:r>
          </a:p>
        </p:txBody>
      </p:sp>
    </p:spTree>
    <p:extLst>
      <p:ext uri="{BB962C8B-B14F-4D97-AF65-F5344CB8AC3E}">
        <p14:creationId xmlns:p14="http://schemas.microsoft.com/office/powerpoint/2010/main" val="5872523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  <p:bldP spid="8" grpId="0" animBg="1"/>
      <p:bldP spid="41" grpId="0"/>
      <p:bldP spid="50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6800" y="230400"/>
            <a:ext cx="5644263" cy="752400"/>
          </a:xfrm>
        </p:spPr>
        <p:txBody>
          <a:bodyPr wrap="square" anchor="t">
            <a:normAutofit/>
          </a:bodyPr>
          <a:lstStyle/>
          <a:p>
            <a:r>
              <a:rPr lang="da-DK" dirty="0"/>
              <a:t>Spot marked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1CAF0350-EF39-4C61-9DEC-F84CF22C527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2017 spot priser for DK1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Afgifter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Energi køb:</a:t>
            </a:r>
          </a:p>
          <a:p>
            <a:pPr marL="774900" lvl="1" indent="-342900"/>
            <a:r>
              <a:rPr lang="da-DK" dirty="0">
                <a:highlight>
                  <a:srgbClr val="FFFF00"/>
                </a:highlight>
              </a:rPr>
              <a:t>100 </a:t>
            </a:r>
            <a:r>
              <a:rPr lang="da-DK" dirty="0" err="1">
                <a:highlight>
                  <a:srgbClr val="FFFF00"/>
                </a:highlight>
              </a:rPr>
              <a:t>kr</a:t>
            </a:r>
            <a:r>
              <a:rPr lang="da-DK" dirty="0">
                <a:highlight>
                  <a:srgbClr val="FFFF00"/>
                </a:highlight>
              </a:rPr>
              <a:t>/MWh DSO afgift </a:t>
            </a:r>
          </a:p>
          <a:p>
            <a:pPr marL="774900" lvl="1" indent="-342900"/>
            <a:r>
              <a:rPr lang="da-DK" dirty="0"/>
              <a:t>94 </a:t>
            </a:r>
            <a:r>
              <a:rPr lang="da-DK" dirty="0" err="1"/>
              <a:t>kr</a:t>
            </a:r>
            <a:r>
              <a:rPr lang="da-DK" dirty="0"/>
              <a:t>/MWh TSO afgift </a:t>
            </a:r>
          </a:p>
          <a:p>
            <a:pPr marL="774900" lvl="1" indent="-342900"/>
            <a:r>
              <a:rPr lang="da-DK" dirty="0"/>
              <a:t>Total: 194 </a:t>
            </a:r>
            <a:r>
              <a:rPr lang="da-DK" dirty="0" err="1"/>
              <a:t>kr</a:t>
            </a:r>
            <a:r>
              <a:rPr lang="da-DK" dirty="0"/>
              <a:t>/MW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Energi salg:</a:t>
            </a:r>
          </a:p>
          <a:p>
            <a:pPr marL="774900" lvl="1" indent="-342900"/>
            <a:r>
              <a:rPr lang="da-DK" dirty="0"/>
              <a:t>4.12 </a:t>
            </a:r>
            <a:r>
              <a:rPr lang="da-DK" dirty="0" err="1"/>
              <a:t>kr</a:t>
            </a:r>
            <a:r>
              <a:rPr lang="da-DK" dirty="0"/>
              <a:t>/MWh (TSO afgift)</a:t>
            </a:r>
          </a:p>
          <a:p>
            <a:pPr marL="342900" indent="-342900"/>
            <a:endParaRPr lang="da-DK" dirty="0"/>
          </a:p>
          <a:p>
            <a:pPr lvl="1" indent="0">
              <a:buNone/>
            </a:pPr>
            <a:endParaRPr lang="da-DK" dirty="0"/>
          </a:p>
          <a:p>
            <a:pPr marL="774900" lvl="1" indent="-342900"/>
            <a:endParaRPr lang="da-DK" dirty="0"/>
          </a:p>
          <a:p>
            <a:pPr marL="342900" indent="-342900"/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pic>
        <p:nvPicPr>
          <p:cNvPr id="4" name="Content Placeholder 3" descr="A screenshot of a cell phone&#10;&#10;Description automatically generated">
            <a:extLst>
              <a:ext uri="{FF2B5EF4-FFF2-40B4-BE49-F238E27FC236}">
                <a16:creationId xmlns:a16="http://schemas.microsoft.com/office/drawing/2014/main" id="{BF0B9B65-E944-4985-AE7A-3937A994FAC8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6160749" y="-441570"/>
            <a:ext cx="5644110" cy="3626340"/>
          </a:xfrm>
          <a:noFill/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CAEAA632-AB84-4E38-B0D7-FE239D4F182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18382" r="6303" b="3491"/>
          <a:stretch/>
        </p:blipFill>
        <p:spPr>
          <a:xfrm>
            <a:off x="6346098" y="3284984"/>
            <a:ext cx="5508954" cy="24482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screenshot of a cell phone&#10;&#10;Description automatically generated">
            <a:extLst>
              <a:ext uri="{FF2B5EF4-FFF2-40B4-BE49-F238E27FC236}">
                <a16:creationId xmlns:a16="http://schemas.microsoft.com/office/drawing/2014/main" id="{40C6BE3B-D69A-4F1B-BE56-7CE16B386AAB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29" t="19555" b="4399"/>
          <a:stretch/>
        </p:blipFill>
        <p:spPr>
          <a:xfrm>
            <a:off x="6104043" y="3275634"/>
            <a:ext cx="6270751" cy="317770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0191BD5-D37F-49B6-9258-A3AF7063E537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2429"/>
          <a:stretch/>
        </p:blipFill>
        <p:spPr>
          <a:xfrm>
            <a:off x="5878388" y="-540548"/>
            <a:ext cx="6667500" cy="3753524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mFRR</a:t>
            </a:r>
            <a:r>
              <a:rPr lang="da-DK" dirty="0"/>
              <a:t> marked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93812" y="1373021"/>
            <a:ext cx="5112569" cy="4521366"/>
          </a:xfrm>
        </p:spPr>
        <p:txBody>
          <a:bodyPr/>
          <a:lstStyle/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Kapacitet pris følger historiske 2017 DK1 opregulerings pris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Leveret regulerings-energi kompenseres efter historiske 2017 DK1 </a:t>
            </a:r>
            <a:r>
              <a:rPr lang="da-DK" dirty="0" err="1"/>
              <a:t>regulerkraft</a:t>
            </a:r>
            <a:r>
              <a:rPr lang="da-DK" dirty="0"/>
              <a:t> pris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ktivering som % sats af samlet aktiverings kapacit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066E95-2FD2-4E1C-8650-B6FB34301D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ekundære</a:t>
            </a:r>
            <a:r>
              <a:rPr lang="en-US" dirty="0"/>
              <a:t> </a:t>
            </a:r>
            <a:r>
              <a:rPr lang="da-DK" dirty="0"/>
              <a:t>markeder</a:t>
            </a:r>
            <a:r>
              <a:rPr lang="en-US" dirty="0"/>
              <a:t>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3FFFA2C-4B5C-4C78-8348-7CC3F88BB2C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Brint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stsat efter marginal omkostninger på de 6000 billigste timer I løbet af året for et elektrolyse anlæg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En virkningsgrad på 100 [kWh el/kg brint] er brugt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Pris</a:t>
            </a:r>
            <a:r>
              <a:rPr lang="da-DK"/>
              <a:t>: 38.8 </a:t>
            </a:r>
            <a:r>
              <a:rPr lang="da-DK" dirty="0"/>
              <a:t>[</a:t>
            </a:r>
            <a:r>
              <a:rPr lang="da-DK" dirty="0" err="1"/>
              <a:t>kr</a:t>
            </a:r>
            <a:r>
              <a:rPr lang="da-DK" dirty="0"/>
              <a:t>/kg]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>
              <a:buNone/>
            </a:pPr>
            <a:r>
              <a:rPr lang="da-DK" dirty="0"/>
              <a:t>Fjernvarme: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stsat efter Århus affald/varme forekast 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9FD6C5-6D31-46E8-8DFE-34B1852452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4A5FF-D601-4916-8765-D1B836B6E2D1}" type="datetime1">
              <a:rPr lang="da-DK" smtClean="0"/>
              <a:t>26-03-2020</a:t>
            </a:fld>
            <a:r>
              <a:rPr lang="da-DK" dirty="0"/>
              <a:t>24-03-2020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EF7F9C9-779F-48C4-AC9D-B2363F0E97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28380" y="3157537"/>
            <a:ext cx="5904656" cy="27853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19013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C7B91F-7045-436C-B588-D95DE12B7E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ortefølje</a:t>
            </a:r>
            <a:r>
              <a:rPr lang="en-US" dirty="0"/>
              <a:t>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A34B26-4A57-441A-A482-BEFD0A95EE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5820" y="1375077"/>
            <a:ext cx="10220325" cy="4521366"/>
          </a:xfrm>
        </p:spPr>
        <p:txBody>
          <a:bodyPr/>
          <a:lstStyle/>
          <a:p>
            <a:r>
              <a:rPr lang="da-DK" dirty="0"/>
              <a:t>Teknologier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indturbiner (Onshore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olceller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Elkedler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Elektrolyseanlæg (</a:t>
            </a:r>
            <a:r>
              <a:rPr lang="da-DK" dirty="0" err="1"/>
              <a:t>Alkaline</a:t>
            </a:r>
            <a:r>
              <a:rPr lang="da-DK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Batterier (Li-Ion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B83FF5-5821-47DF-8EF0-25478C1B97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8E4EE1-EE9A-42B1-9369-72D14B39BB4B}" type="datetime1">
              <a:rPr lang="da-DK" smtClean="0"/>
              <a:t>26-03-2020</a:t>
            </a:fld>
            <a:r>
              <a:rPr lang="da-DK" dirty="0"/>
              <a:t>24-03-2020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6E68271C-1680-4D33-BCD4-FB4D7027370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5448462"/>
              </p:ext>
            </p:extLst>
          </p:nvPr>
        </p:nvGraphicFramePr>
        <p:xfrm>
          <a:off x="2030970" y="4293096"/>
          <a:ext cx="8125885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25177">
                  <a:extLst>
                    <a:ext uri="{9D8B030D-6E8A-4147-A177-3AD203B41FA5}">
                      <a16:colId xmlns:a16="http://schemas.microsoft.com/office/drawing/2014/main" val="2139480081"/>
                    </a:ext>
                  </a:extLst>
                </a:gridCol>
                <a:gridCol w="1625177">
                  <a:extLst>
                    <a:ext uri="{9D8B030D-6E8A-4147-A177-3AD203B41FA5}">
                      <a16:colId xmlns:a16="http://schemas.microsoft.com/office/drawing/2014/main" val="3081889337"/>
                    </a:ext>
                  </a:extLst>
                </a:gridCol>
                <a:gridCol w="1625177">
                  <a:extLst>
                    <a:ext uri="{9D8B030D-6E8A-4147-A177-3AD203B41FA5}">
                      <a16:colId xmlns:a16="http://schemas.microsoft.com/office/drawing/2014/main" val="3052280486"/>
                    </a:ext>
                  </a:extLst>
                </a:gridCol>
                <a:gridCol w="1625177">
                  <a:extLst>
                    <a:ext uri="{9D8B030D-6E8A-4147-A177-3AD203B41FA5}">
                      <a16:colId xmlns:a16="http://schemas.microsoft.com/office/drawing/2014/main" val="2725971495"/>
                    </a:ext>
                  </a:extLst>
                </a:gridCol>
                <a:gridCol w="1625177">
                  <a:extLst>
                    <a:ext uri="{9D8B030D-6E8A-4147-A177-3AD203B41FA5}">
                      <a16:colId xmlns:a16="http://schemas.microsoft.com/office/drawing/2014/main" val="177966376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Vindturbin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Solcel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Elked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Elektroly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Batteri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409515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545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88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33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470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84.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54781697"/>
                  </a:ext>
                </a:extLst>
              </a:tr>
            </a:tbl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B0EE0952-B063-4477-8627-BEA677A1F8DC}"/>
              </a:ext>
            </a:extLst>
          </p:cNvPr>
          <p:cNvSpPr txBox="1"/>
          <p:nvPr/>
        </p:nvSpPr>
        <p:spPr>
          <a:xfrm>
            <a:off x="4726260" y="3978967"/>
            <a:ext cx="345638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Årlige investerings omkostninger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8DE3F954-ABC9-44EE-ADB2-360CBAE8B9F9}"/>
                  </a:ext>
                </a:extLst>
              </p:cNvPr>
              <p:cNvSpPr txBox="1"/>
              <p:nvPr/>
            </p:nvSpPr>
            <p:spPr>
              <a:xfrm>
                <a:off x="3142084" y="5237343"/>
                <a:ext cx="6437083" cy="24558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Å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𝑟𝑙𝑖𝑔𝑒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𝑖𝑛𝑣𝑒𝑠𝑡𝑒𝑟𝑖𝑛𝑔𝑠𝑜𝑚𝑘𝑜𝑠𝑡𝑛𝑖𝑛𝑔𝑒𝑟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𝐶𝐴𝑃𝐸𝑋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 ∗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𝑎𝑛𝑢𝑖𝑡𝑒𝑡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𝑓𝑎𝑐𝑡𝑜𝑟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+</m:t>
                      </m:r>
                      <m:r>
                        <a:rPr lang="da-DK" sz="1600" b="0" i="1" smtClean="0">
                          <a:latin typeface="Cambria Math" panose="02040503050406030204" pitchFamily="18" charset="0"/>
                        </a:rPr>
                        <m:t>𝑂𝑃𝐸𝑋</m:t>
                      </m:r>
                    </m:oMath>
                  </m:oMathPara>
                </a14:m>
                <a:endParaRPr lang="da-DK" sz="1600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8DE3F954-ABC9-44EE-ADB2-360CBAE8B9F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42084" y="5237343"/>
                <a:ext cx="6437083" cy="245580"/>
              </a:xfrm>
              <a:prstGeom prst="rect">
                <a:avLst/>
              </a:prstGeom>
              <a:blipFill>
                <a:blip r:embed="rId3"/>
                <a:stretch>
                  <a:fillRect l="-852" t="-15000" r="-95" b="-45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0" name="Picture 9">
            <a:extLst>
              <a:ext uri="{FF2B5EF4-FFF2-40B4-BE49-F238E27FC236}">
                <a16:creationId xmlns:a16="http://schemas.microsoft.com/office/drawing/2014/main" id="{4462092D-59D0-41A0-B109-28CE7059346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91136" y="403224"/>
            <a:ext cx="7496482" cy="31104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60110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9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186EE3-4B98-4DC3-8ED4-FADE33C48D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sultater – Individuelle teknologier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B9BC0B-14CB-41E2-A45A-ED51F57043A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752101"/>
          </a:xfrm>
        </p:spPr>
        <p:txBody>
          <a:bodyPr/>
          <a:lstStyle/>
          <a:p>
            <a:r>
              <a:rPr lang="da-DK" dirty="0"/>
              <a:t>Studie med individuelle teknologier, </a:t>
            </a:r>
            <a:r>
              <a:rPr lang="da-DK" u="sng" dirty="0"/>
              <a:t>uden</a:t>
            </a:r>
            <a:r>
              <a:rPr lang="da-DK" dirty="0"/>
              <a:t> deltagelse i </a:t>
            </a:r>
            <a:r>
              <a:rPr lang="da-DK" dirty="0" err="1"/>
              <a:t>mFRR</a:t>
            </a:r>
            <a:r>
              <a:rPr lang="da-DK" dirty="0"/>
              <a:t> markedet. </a:t>
            </a:r>
          </a:p>
          <a:p>
            <a:r>
              <a:rPr lang="da-DK" dirty="0"/>
              <a:t>Der bliver investeret i 1MW af hver teknologi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365A225-E6CB-4F42-9C93-5E117FA8DD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F462D6-99FF-4E8C-B74A-FD4C046685BA}" type="datetime1">
              <a:rPr lang="da-DK" smtClean="0"/>
              <a:t>26-03-2020</a:t>
            </a:fld>
            <a:r>
              <a:rPr lang="da-DK"/>
              <a:t>24-03-2020</a:t>
            </a:r>
            <a:endParaRPr lang="da-DK" dirty="0"/>
          </a:p>
        </p:txBody>
      </p:sp>
      <p:graphicFrame>
        <p:nvGraphicFramePr>
          <p:cNvPr id="8" name="Table 8">
            <a:extLst>
              <a:ext uri="{FF2B5EF4-FFF2-40B4-BE49-F238E27FC236}">
                <a16:creationId xmlns:a16="http://schemas.microsoft.com/office/drawing/2014/main" id="{8FA93D2A-245F-45A2-9E3C-578C28F4D51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07143921"/>
              </p:ext>
            </p:extLst>
          </p:nvPr>
        </p:nvGraphicFramePr>
        <p:xfrm>
          <a:off x="1517986" y="2220710"/>
          <a:ext cx="9151854" cy="338474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25309">
                  <a:extLst>
                    <a:ext uri="{9D8B030D-6E8A-4147-A177-3AD203B41FA5}">
                      <a16:colId xmlns:a16="http://schemas.microsoft.com/office/drawing/2014/main" val="2950168415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6713509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97441767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3923243502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218633082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00140860"/>
                    </a:ext>
                  </a:extLst>
                </a:gridCol>
              </a:tblGrid>
              <a:tr h="647129">
                <a:tc>
                  <a:txBody>
                    <a:bodyPr/>
                    <a:lstStyle/>
                    <a:p>
                      <a:r>
                        <a:rPr lang="da-DK" dirty="0"/>
                        <a:t>[DKK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Investering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Spot marked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 err="1"/>
                        <a:t>mFRR</a:t>
                      </a:r>
                      <a:r>
                        <a:rPr lang="da-DK" dirty="0"/>
                        <a:t> marked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Sekundære markeder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Total</a:t>
                      </a:r>
                    </a:p>
                    <a:p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1738471"/>
                  </a:ext>
                </a:extLst>
              </a:tr>
              <a:tr h="524817">
                <a:tc>
                  <a:txBody>
                    <a:bodyPr/>
                    <a:lstStyle/>
                    <a:p>
                      <a:r>
                        <a:rPr lang="da-DK" dirty="0"/>
                        <a:t>Vindturbin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545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465.93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79.066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4631106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Solcel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188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11.87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3.87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3744402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Elked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33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19.48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6.87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25.6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79353880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Elektrolyse anlæ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470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2.333.50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.333.50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470.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85642902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Batter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284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9.79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254.208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7398916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416974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EE4E86-DAE3-4F8B-BE36-3B2621CBDE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sultater – Individuelle teknologier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D699D3-AD11-43A2-9C86-BBCBDA2CD0F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tudie med individuelle teknologier, </a:t>
            </a:r>
            <a:r>
              <a:rPr lang="da-DK" u="sng" dirty="0"/>
              <a:t>med</a:t>
            </a:r>
            <a:r>
              <a:rPr lang="da-DK" dirty="0"/>
              <a:t> deltagelse i </a:t>
            </a:r>
            <a:r>
              <a:rPr lang="da-DK" dirty="0" err="1"/>
              <a:t>mFRR</a:t>
            </a:r>
            <a:r>
              <a:rPr lang="da-DK" dirty="0"/>
              <a:t> markedet. </a:t>
            </a:r>
          </a:p>
          <a:p>
            <a:r>
              <a:rPr lang="da-DK" dirty="0"/>
              <a:t>Der bliver investeret i 1MW af hver teknologi.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8E6F0C-CCE1-47E9-8A48-90835077A5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CB4D19-776D-4316-B973-6F0757316E79}" type="datetime1">
              <a:rPr lang="da-DK" smtClean="0"/>
              <a:t>26-03-2020</a:t>
            </a:fld>
            <a:r>
              <a:rPr lang="da-DK"/>
              <a:t>24-03-2020</a:t>
            </a:r>
            <a:endParaRPr lang="da-DK" dirty="0"/>
          </a:p>
        </p:txBody>
      </p:sp>
      <p:graphicFrame>
        <p:nvGraphicFramePr>
          <p:cNvPr id="5" name="Table 8">
            <a:extLst>
              <a:ext uri="{FF2B5EF4-FFF2-40B4-BE49-F238E27FC236}">
                <a16:creationId xmlns:a16="http://schemas.microsoft.com/office/drawing/2014/main" id="{4BC0260C-D642-4DFC-AC47-D286D145751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17000489"/>
              </p:ext>
            </p:extLst>
          </p:nvPr>
        </p:nvGraphicFramePr>
        <p:xfrm>
          <a:off x="1517986" y="2348880"/>
          <a:ext cx="9151854" cy="338474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25309">
                  <a:extLst>
                    <a:ext uri="{9D8B030D-6E8A-4147-A177-3AD203B41FA5}">
                      <a16:colId xmlns:a16="http://schemas.microsoft.com/office/drawing/2014/main" val="2950168415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6713509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97441767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3923243502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2186330823"/>
                    </a:ext>
                  </a:extLst>
                </a:gridCol>
                <a:gridCol w="1525309">
                  <a:extLst>
                    <a:ext uri="{9D8B030D-6E8A-4147-A177-3AD203B41FA5}">
                      <a16:colId xmlns:a16="http://schemas.microsoft.com/office/drawing/2014/main" val="100140860"/>
                    </a:ext>
                  </a:extLst>
                </a:gridCol>
              </a:tblGrid>
              <a:tr h="647129">
                <a:tc>
                  <a:txBody>
                    <a:bodyPr/>
                    <a:lstStyle/>
                    <a:p>
                      <a:r>
                        <a:rPr lang="da-DK" dirty="0"/>
                        <a:t>[DKK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Investering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Spot marked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 err="1"/>
                        <a:t>mFRR</a:t>
                      </a:r>
                      <a:r>
                        <a:rPr lang="da-DK" dirty="0"/>
                        <a:t> marked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Sekundære markeder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Total</a:t>
                      </a:r>
                    </a:p>
                    <a:p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1738471"/>
                  </a:ext>
                </a:extLst>
              </a:tr>
              <a:tr h="524817">
                <a:tc>
                  <a:txBody>
                    <a:bodyPr/>
                    <a:lstStyle/>
                    <a:p>
                      <a:r>
                        <a:rPr lang="da-DK" dirty="0"/>
                        <a:t>Vindturbin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545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462.71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7.19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75.09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4631106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Solcel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188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11.87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3.87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3744402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Elkedl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33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46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41.39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30.62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7.09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79353880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Elektrolyse anlæ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470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2.395.8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5.85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.388.01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461.956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85642902"/>
                  </a:ext>
                </a:extLst>
              </a:tr>
              <a:tr h="435150">
                <a:tc>
                  <a:txBody>
                    <a:bodyPr/>
                    <a:lstStyle/>
                    <a:p>
                      <a:r>
                        <a:rPr lang="da-DK" dirty="0"/>
                        <a:t>Batter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284.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9.79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-254.208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7398916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759559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00</Words>
  <Application>Microsoft Office PowerPoint</Application>
  <PresentationFormat>Custom</PresentationFormat>
  <Paragraphs>242</Paragraphs>
  <Slides>13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2" baseType="lpstr">
      <vt:lpstr>AU Passata Light</vt:lpstr>
      <vt:lpstr>AU Passata</vt:lpstr>
      <vt:lpstr>Georgia</vt:lpstr>
      <vt:lpstr>AU Peto</vt:lpstr>
      <vt:lpstr>Calibri</vt:lpstr>
      <vt:lpstr>Wingdings 3</vt:lpstr>
      <vt:lpstr>Arial</vt:lpstr>
      <vt:lpstr>Cambria Math</vt:lpstr>
      <vt:lpstr>AU 16:9</vt:lpstr>
      <vt:lpstr>Historisk Spot + mfrr markeds model</vt:lpstr>
      <vt:lpstr>Overblik</vt:lpstr>
      <vt:lpstr>Overblik</vt:lpstr>
      <vt:lpstr>Spot marked</vt:lpstr>
      <vt:lpstr>mFRR marked </vt:lpstr>
      <vt:lpstr>Sekundære markeder </vt:lpstr>
      <vt:lpstr>Portefølje </vt:lpstr>
      <vt:lpstr>Resultater – Individuelle teknologier </vt:lpstr>
      <vt:lpstr>Resultater – Individuelle teknologier </vt:lpstr>
      <vt:lpstr>Resultater – Individuelle teknologier </vt:lpstr>
      <vt:lpstr>Resultater – Portefølje </vt:lpstr>
      <vt:lpstr>Fortsat arbejde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03-26T11:57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20633758488555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99</vt:lpwstr>
  </property>
  <property fmtid="{D5CDD505-2E9C-101B-9397-08002B2CF9AE}" pid="62" name="colorthemechange">
    <vt:lpwstr>True</vt:lpwstr>
  </property>
</Properties>
</file>